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10701B8" w14:textId="77777777" w:rsidR="00592275" w:rsidRDefault="00A248C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 wp14:anchorId="110701DB" wp14:editId="110701DC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110701B9" w14:textId="77777777" w:rsidR="00592275" w:rsidRDefault="00E640B1"/>
    <w:p w14:paraId="110701BA" w14:textId="77777777" w:rsidR="00592275" w:rsidRDefault="00605379">
      <w:pPr>
        <w:pStyle w:val="Date"/>
        <w:tabs>
          <w:tab w:val="right" w:pos="9648"/>
        </w:tabs>
      </w:pPr>
      <w:bookmarkStart w:id="1" w:name="Date"/>
      <w:r>
        <w:t xml:space="preserve">March </w:t>
      </w:r>
      <w:r w:rsidR="000D6766">
        <w:t>3</w:t>
      </w:r>
      <w:r w:rsidR="004C0444">
        <w:t>0</w:t>
      </w:r>
      <w:r w:rsidR="00113EA5">
        <w:t>, 2017</w:t>
      </w:r>
    </w:p>
    <w:bookmarkEnd w:id="1"/>
    <w:p w14:paraId="110701BB" w14:textId="77777777" w:rsidR="00B4267A" w:rsidRDefault="00E640B1">
      <w:pPr>
        <w:tabs>
          <w:tab w:val="right" w:pos="9648"/>
        </w:tabs>
        <w:rPr>
          <w:u w:val="single"/>
        </w:rPr>
      </w:pPr>
    </w:p>
    <w:p w14:paraId="110701BC" w14:textId="77777777"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2" w:name="swiCMClientID"/>
      <w:bookmarkStart w:id="3" w:name="swiCMMatterID"/>
      <w:r w:rsidR="004A6789">
        <w:t>29208.0101</w:t>
      </w:r>
    </w:p>
    <w:bookmarkEnd w:id="2"/>
    <w:bookmarkEnd w:id="3"/>
    <w:p w14:paraId="110701BD" w14:textId="77777777" w:rsidR="00F75F77" w:rsidRDefault="00A248C3">
      <w:r>
        <w:t>Mr. Steven V. King</w:t>
      </w:r>
    </w:p>
    <w:p w14:paraId="110701BE" w14:textId="77777777" w:rsidR="00C73A54" w:rsidRDefault="00A248C3">
      <w:r>
        <w:t>Executive Director and Secretary</w:t>
      </w:r>
    </w:p>
    <w:p w14:paraId="110701BF" w14:textId="77777777" w:rsidR="00592275" w:rsidRDefault="00A248C3">
      <w:r>
        <w:t>Washington Utilities and Transportation Commission</w:t>
      </w:r>
    </w:p>
    <w:p w14:paraId="110701C0" w14:textId="77777777" w:rsidR="00592275" w:rsidRDefault="00A248C3">
      <w:r>
        <w:t>Attention: Records Center</w:t>
      </w:r>
    </w:p>
    <w:p w14:paraId="110701C1" w14:textId="77777777" w:rsidR="00F75F77" w:rsidRDefault="00A248C3">
      <w:r>
        <w:t>P.O. Box 47250</w:t>
      </w:r>
    </w:p>
    <w:p w14:paraId="110701C2" w14:textId="77777777" w:rsidR="00F75F77" w:rsidRDefault="00A248C3">
      <w:r>
        <w:t>1300 S. Evergreen Park Dr. SW</w:t>
      </w:r>
    </w:p>
    <w:p w14:paraId="110701C3" w14:textId="77777777" w:rsidR="00F75F77" w:rsidRDefault="00A248C3">
      <w:r>
        <w:t>Olympia, WA 98504-7250</w:t>
      </w:r>
    </w:p>
    <w:p w14:paraId="110701C4" w14:textId="77777777" w:rsidR="00592275" w:rsidRDefault="00E640B1"/>
    <w:p w14:paraId="110701C5" w14:textId="77777777" w:rsidR="00567823" w:rsidRDefault="00567823">
      <w:r>
        <w:t xml:space="preserve">Attn: </w:t>
      </w:r>
      <w:r>
        <w:tab/>
        <w:t>Administrative Law Judge Rayne Pearson</w:t>
      </w:r>
    </w:p>
    <w:p w14:paraId="110701C6" w14:textId="77777777" w:rsidR="00567823" w:rsidRDefault="00567823"/>
    <w:p w14:paraId="110701C7" w14:textId="77777777"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14:paraId="110701C8" w14:textId="77777777"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4"/>
    <w:p w14:paraId="110701C9" w14:textId="77777777" w:rsidR="00592275" w:rsidRDefault="00E640B1"/>
    <w:p w14:paraId="110701CA" w14:textId="77777777" w:rsidR="00592275" w:rsidRDefault="00A248C3">
      <w:bookmarkStart w:id="5" w:name="Salutation"/>
      <w:r>
        <w:t>Dear Mr. King:</w:t>
      </w:r>
    </w:p>
    <w:bookmarkEnd w:id="5"/>
    <w:p w14:paraId="110701CB" w14:textId="77777777" w:rsidR="00592275" w:rsidRDefault="00E640B1"/>
    <w:p w14:paraId="110701CC" w14:textId="77777777" w:rsidR="00496678" w:rsidRDefault="00605379" w:rsidP="0075295D">
      <w:pPr>
        <w:spacing w:after="240"/>
      </w:pPr>
      <w:r>
        <w:t>E</w:t>
      </w:r>
      <w:r w:rsidR="00567823">
        <w:t>nclosed</w:t>
      </w:r>
      <w:r w:rsidR="00113EA5">
        <w:t xml:space="preserve"> </w:t>
      </w:r>
      <w:r w:rsidR="000D6766">
        <w:t xml:space="preserve">please find the original and one copy of the Response of Speedishuttle Washington, LLC d/b/a Speedishuttle Seattle to Notice of Intent to Amend Order 08 </w:t>
      </w:r>
      <w:r>
        <w:t>which was</w:t>
      </w:r>
      <w:r w:rsidR="00567823">
        <w:t xml:space="preserve"> </w:t>
      </w:r>
      <w:r w:rsidR="009666B8">
        <w:t xml:space="preserve">filed this afternoon via the web portal </w:t>
      </w:r>
      <w:r w:rsidR="00113EA5">
        <w:t>in the above-referenced</w:t>
      </w:r>
      <w:r w:rsidR="009D21A6">
        <w:t xml:space="preserve">, </w:t>
      </w:r>
      <w:r w:rsidR="00FE3F57">
        <w:t xml:space="preserve">consolidated dockets.  </w:t>
      </w:r>
    </w:p>
    <w:p w14:paraId="110701CD" w14:textId="77777777"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14:paraId="110701CE" w14:textId="77777777"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14:paraId="110701CF" w14:textId="77777777" w:rsidR="00F75F77" w:rsidRDefault="00E640B1" w:rsidP="00F75F77"/>
    <w:p w14:paraId="110701D0" w14:textId="77777777" w:rsidR="00592275" w:rsidRDefault="00A248C3">
      <w:pPr>
        <w:keepNext/>
      </w:pPr>
      <w:bookmarkStart w:id="6" w:name="swiBeginHere"/>
      <w:bookmarkEnd w:id="6"/>
      <w:r>
        <w:t>WILLIAMS, KASTNER &amp; GIBBS PLLC</w:t>
      </w:r>
    </w:p>
    <w:p w14:paraId="110701D1" w14:textId="77777777" w:rsidR="00592275" w:rsidRDefault="00E640B1">
      <w:pPr>
        <w:keepNext/>
      </w:pPr>
    </w:p>
    <w:p w14:paraId="110701D2" w14:textId="77777777" w:rsidR="0023778C" w:rsidRDefault="00E640B1">
      <w:pPr>
        <w:keepNext/>
      </w:pPr>
      <w:bookmarkStart w:id="7" w:name="Includeesig"/>
      <w:bookmarkEnd w:id="7"/>
    </w:p>
    <w:p w14:paraId="110701D3" w14:textId="77777777" w:rsidR="00592275" w:rsidRDefault="00FE3F57">
      <w:pPr>
        <w:keepNext/>
      </w:pPr>
      <w:bookmarkStart w:id="8" w:name="From"/>
      <w:r>
        <w:t>Blair</w:t>
      </w:r>
      <w:r w:rsidR="00E42D98">
        <w:t xml:space="preserve"> I.</w:t>
      </w:r>
      <w:r>
        <w:t xml:space="preserve"> Fassburg</w:t>
      </w:r>
    </w:p>
    <w:p w14:paraId="110701D4" w14:textId="77777777" w:rsidR="00AC6CBA" w:rsidRDefault="00AC6CBA">
      <w:pPr>
        <w:keepNext/>
      </w:pPr>
      <w:r>
        <w:t>David W. Wiley</w:t>
      </w:r>
    </w:p>
    <w:p w14:paraId="110701D5" w14:textId="77777777" w:rsidR="00587BC5" w:rsidRDefault="00587BC5">
      <w:bookmarkStart w:id="9" w:name="swiPLDirectDialPhone"/>
      <w:bookmarkEnd w:id="8"/>
    </w:p>
    <w:p w14:paraId="110701D6" w14:textId="77777777"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14:paraId="110701D7" w14:textId="77777777" w:rsidR="003C5783" w:rsidRDefault="00FE3F57" w:rsidP="00FE3F57">
      <w:pPr>
        <w:keepNext/>
        <w:ind w:firstLine="720"/>
      </w:pPr>
      <w:r>
        <w:t>Rayne Pearson, Administrative Law Judge</w:t>
      </w:r>
    </w:p>
    <w:p w14:paraId="110701D8" w14:textId="77777777"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14:paraId="110701D9" w14:textId="77777777" w:rsidR="00FE3F57" w:rsidRDefault="00FE3F57" w:rsidP="0023778C">
      <w:pPr>
        <w:keepNext/>
      </w:pPr>
      <w:r>
        <w:tab/>
        <w:t>Julian Beattie</w:t>
      </w:r>
    </w:p>
    <w:p w14:paraId="110701DA" w14:textId="77777777" w:rsidR="00496678" w:rsidRDefault="00496678" w:rsidP="0023778C">
      <w:pPr>
        <w:keepNext/>
      </w:pPr>
      <w:r>
        <w:tab/>
      </w:r>
      <w:r w:rsidR="00FE3F57">
        <w:t>Client</w:t>
      </w:r>
    </w:p>
    <w:sectPr w:rsidR="00496678" w:rsidSect="00AD418D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180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110701DF" w14:textId="77777777" w:rsidR="00EF70F9" w:rsidRDefault="00A248C3">
      <w:r>
        <w:separator/>
      </w:r>
    </w:p>
  </w:endnote>
  <w:endnote w:type="continuationSeparator" w:id="0">
    <w:p w14:paraId="110701E0" w14:textId="77777777"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9" w14:textId="77777777" w:rsidR="00D961CA" w:rsidRDefault="00D961C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A" w14:textId="77777777" w:rsidR="009B2994" w:rsidRDefault="00E640B1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110701EB" w14:textId="77777777"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AD418D">
      <w:rPr>
        <w:sz w:val="16"/>
        <w:szCs w:val="18"/>
      </w:rPr>
      <w:instrText xml:space="preserve"> 6029609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D418D">
      <w:rPr>
        <w:noProof/>
        <w:sz w:val="16"/>
        <w:szCs w:val="18"/>
      </w:rPr>
      <w:t xml:space="preserve"> 6029609.1</w:t>
    </w:r>
    <w:r>
      <w:rPr>
        <w:sz w:val="16"/>
        <w:szCs w:val="18"/>
      </w:rPr>
      <w:fldChar w:fldCharType="end"/>
    </w:r>
  </w:p>
  <w:p w14:paraId="110701EC" w14:textId="77777777"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AD418D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AD418D">
      <w:rPr>
        <w:sz w:val="16"/>
        <w:szCs w:val="18"/>
      </w:rPr>
      <w:instrText xml:space="preserve"> 6029609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D418D">
      <w:rPr>
        <w:noProof/>
        <w:sz w:val="16"/>
        <w:szCs w:val="18"/>
      </w:rPr>
      <w:t xml:space="preserve"> 6029609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E" w14:textId="77777777"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110701F0" wp14:editId="110701F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AD418D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AD418D">
      <w:rPr>
        <w:sz w:val="16"/>
      </w:rPr>
      <w:instrText xml:space="preserve"> 6029609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AD418D">
      <w:rPr>
        <w:noProof/>
        <w:sz w:val="16"/>
      </w:rPr>
      <w:t xml:space="preserve"> 6029609.1</w:t>
    </w:r>
    <w:r w:rsidR="00593833">
      <w:rPr>
        <w:sz w:val="16"/>
      </w:rPr>
      <w:fldChar w:fldCharType="end"/>
    </w:r>
  </w:p>
  <w:p w14:paraId="110701EF" w14:textId="77777777"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110701DD" w14:textId="77777777" w:rsidR="00EF70F9" w:rsidRDefault="00A248C3">
      <w:r>
        <w:separator/>
      </w:r>
    </w:p>
  </w:footnote>
  <w:footnote w:type="continuationSeparator" w:id="0">
    <w:p w14:paraId="110701DE" w14:textId="77777777"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1" w14:textId="77777777" w:rsidR="00D961CA" w:rsidRDefault="00D961C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2" w14:textId="77777777" w:rsidR="00592275" w:rsidRDefault="00E640B1"/>
  <w:p w14:paraId="110701E3" w14:textId="77777777" w:rsidR="00592275" w:rsidRDefault="00E640B1">
    <w:bookmarkStart w:id="11" w:name="ToInHeader"/>
    <w:bookmarkEnd w:id="11"/>
  </w:p>
  <w:p w14:paraId="110701E4" w14:textId="77777777" w:rsidR="00592275" w:rsidRDefault="00E640B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AD418D">
      <w:rPr>
        <w:noProof/>
      </w:rPr>
      <w:t>March 30, 2017</w:t>
    </w:r>
    <w:r>
      <w:rPr>
        <w:noProof/>
      </w:rPr>
      <w:fldChar w:fldCharType="end"/>
    </w:r>
  </w:p>
  <w:p w14:paraId="110701E5" w14:textId="77777777"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4377DD">
      <w:rPr>
        <w:rStyle w:val="PageNumber"/>
        <w:noProof/>
      </w:rPr>
      <w:t>2</w:t>
    </w:r>
    <w:r>
      <w:rPr>
        <w:rStyle w:val="PageNumber"/>
      </w:rPr>
      <w:fldChar w:fldCharType="end"/>
    </w:r>
  </w:p>
  <w:p w14:paraId="110701E6" w14:textId="77777777" w:rsidR="00592275" w:rsidRDefault="00E640B1">
    <w:pPr>
      <w:pStyle w:val="Header"/>
    </w:pPr>
  </w:p>
  <w:p w14:paraId="110701E7" w14:textId="77777777" w:rsidR="00592275" w:rsidRDefault="00E640B1">
    <w:pPr>
      <w:pStyle w:val="Header"/>
    </w:pPr>
  </w:p>
  <w:p w14:paraId="110701E8" w14:textId="77777777" w:rsidR="00592275" w:rsidRDefault="00E640B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10701ED" w14:textId="77777777" w:rsidR="00D961CA" w:rsidRDefault="00D961C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hideSpellingErrors/>
  <w:hideGrammaticalErrors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0C240C"/>
    <w:rsid w:val="000D6766"/>
    <w:rsid w:val="00113EA5"/>
    <w:rsid w:val="001A4879"/>
    <w:rsid w:val="002F5BA3"/>
    <w:rsid w:val="00340C7A"/>
    <w:rsid w:val="00366271"/>
    <w:rsid w:val="003F6A0A"/>
    <w:rsid w:val="0041702F"/>
    <w:rsid w:val="004377DD"/>
    <w:rsid w:val="00444166"/>
    <w:rsid w:val="00496678"/>
    <w:rsid w:val="004A2D16"/>
    <w:rsid w:val="004A6789"/>
    <w:rsid w:val="004C0444"/>
    <w:rsid w:val="00567823"/>
    <w:rsid w:val="00587BC5"/>
    <w:rsid w:val="00593833"/>
    <w:rsid w:val="005A1DDB"/>
    <w:rsid w:val="005A6C93"/>
    <w:rsid w:val="00605379"/>
    <w:rsid w:val="006F392E"/>
    <w:rsid w:val="00707CC7"/>
    <w:rsid w:val="007A2B9F"/>
    <w:rsid w:val="008321C3"/>
    <w:rsid w:val="008345FB"/>
    <w:rsid w:val="008651FD"/>
    <w:rsid w:val="00944B60"/>
    <w:rsid w:val="00945D14"/>
    <w:rsid w:val="009666B8"/>
    <w:rsid w:val="009905D7"/>
    <w:rsid w:val="009D21A6"/>
    <w:rsid w:val="00A248C3"/>
    <w:rsid w:val="00A51C21"/>
    <w:rsid w:val="00A93A23"/>
    <w:rsid w:val="00AC6CBA"/>
    <w:rsid w:val="00AD418D"/>
    <w:rsid w:val="00C01E43"/>
    <w:rsid w:val="00D25E3B"/>
    <w:rsid w:val="00D961CA"/>
    <w:rsid w:val="00E151D8"/>
    <w:rsid w:val="00E42D98"/>
    <w:rsid w:val="00E640B1"/>
    <w:rsid w:val="00E810B9"/>
    <w:rsid w:val="00EF70F9"/>
    <w:rsid w:val="00F10D5D"/>
    <w:rsid w:val="00F82A12"/>
    <w:rsid w:val="00FE3F57"/>
    <w:rsid w:val="00FE68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110701B8"/>
  <w15:docId w15:val="{9D994B8A-56F4-4A84-90AD-E79747A536A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3-30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F9492EA8-6C9A-43E8-9662-7F4BD8637ADC}"/>
</file>

<file path=customXml/itemProps2.xml><?xml version="1.0" encoding="utf-8"?>
<ds:datastoreItem xmlns:ds="http://schemas.openxmlformats.org/officeDocument/2006/customXml" ds:itemID="{FC49266E-A22A-40D0-A760-40E406F6B766}">
  <ds:schemaRefs>
    <ds:schemaRef ds:uri="http://purl.org/dc/elements/1.1/"/>
    <ds:schemaRef ds:uri="http://schemas.microsoft.com/office/2006/documentManagement/types"/>
    <ds:schemaRef ds:uri="http://schemas.microsoft.com/office/infopath/2007/PartnerControls"/>
    <ds:schemaRef ds:uri="http://purl.org/dc/terms/"/>
    <ds:schemaRef ds:uri="http://schemas.microsoft.com/office/2006/metadata/properties"/>
    <ds:schemaRef ds:uri="http://schemas.openxmlformats.org/package/2006/metadata/core-properties"/>
    <ds:schemaRef ds:uri="http://purl.org/dc/dcmitype/"/>
    <ds:schemaRef ds:uri="http://www.w3.org/XML/1998/namespace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DC27109E-AD0E-4A75-AB9A-B542585A7857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39646263-0AEF-4194-A731-12DC6B3688A9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47</Words>
  <Characters>841</Characters>
  <Application>Microsoft Office Word</Application>
  <DocSecurity>0</DocSecurity>
  <Lines>7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98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uff, Ashley (UTC)</dc:creator>
  <cp:lastModifiedBy>Kredel, Ashley (UTC)</cp:lastModifiedBy>
  <cp:revision>2</cp:revision>
  <cp:lastPrinted>2017-03-30T21:56:00Z</cp:lastPrinted>
  <dcterms:created xsi:type="dcterms:W3CDTF">2017-03-31T15:14:00Z</dcterms:created>
  <dcterms:modified xsi:type="dcterms:W3CDTF">2017-03-31T15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29609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